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2\HP2112\"/>
    </mc:Choice>
  </mc:AlternateContent>
  <bookViews>
    <workbookView xWindow="0" yWindow="0" windowWidth="19980" windowHeight="8280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7" uniqueCount="99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1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activeCell="B9" sqref="B9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9</v>
      </c>
      <c r="D5" s="18">
        <v>1281</v>
      </c>
      <c r="E5" s="18">
        <v>2390</v>
      </c>
      <c r="F5" s="19">
        <v>1279</v>
      </c>
      <c r="G5" s="20">
        <v>1113</v>
      </c>
      <c r="H5" s="21">
        <v>1281</v>
      </c>
      <c r="I5" s="21">
        <v>2394</v>
      </c>
      <c r="J5" s="22">
        <v>1281</v>
      </c>
      <c r="K5" s="23">
        <v>4</v>
      </c>
      <c r="L5" s="24">
        <v>0</v>
      </c>
      <c r="M5" s="24">
        <v>4</v>
      </c>
      <c r="N5" s="25">
        <v>2</v>
      </c>
    </row>
    <row r="6" spans="1:14" ht="23.1" customHeight="1" x14ac:dyDescent="0.2">
      <c r="A6" s="26">
        <v>2</v>
      </c>
      <c r="B6" s="27" t="s">
        <v>11</v>
      </c>
      <c r="C6" s="28">
        <v>2240</v>
      </c>
      <c r="D6" s="29">
        <v>2388</v>
      </c>
      <c r="E6" s="29">
        <v>4628</v>
      </c>
      <c r="F6" s="30">
        <v>2284</v>
      </c>
      <c r="G6" s="31">
        <v>2232</v>
      </c>
      <c r="H6" s="32">
        <v>2384</v>
      </c>
      <c r="I6" s="32">
        <v>4616</v>
      </c>
      <c r="J6" s="33">
        <v>2275</v>
      </c>
      <c r="K6" s="34">
        <v>-8</v>
      </c>
      <c r="L6" s="35">
        <v>-4</v>
      </c>
      <c r="M6" s="35">
        <v>-12</v>
      </c>
      <c r="N6" s="36">
        <v>-9</v>
      </c>
    </row>
    <row r="7" spans="1:14" ht="23.1" customHeight="1" x14ac:dyDescent="0.2">
      <c r="A7" s="26">
        <v>3</v>
      </c>
      <c r="B7" s="27" t="s">
        <v>12</v>
      </c>
      <c r="C7" s="28">
        <v>1320</v>
      </c>
      <c r="D7" s="29">
        <v>1487</v>
      </c>
      <c r="E7" s="29">
        <v>2807</v>
      </c>
      <c r="F7" s="30">
        <v>1358</v>
      </c>
      <c r="G7" s="31">
        <v>1318</v>
      </c>
      <c r="H7" s="32">
        <v>1485</v>
      </c>
      <c r="I7" s="32">
        <v>2803</v>
      </c>
      <c r="J7" s="33">
        <v>1351</v>
      </c>
      <c r="K7" s="34">
        <v>-2</v>
      </c>
      <c r="L7" s="35">
        <v>-2</v>
      </c>
      <c r="M7" s="35">
        <v>-4</v>
      </c>
      <c r="N7" s="36">
        <v>-7</v>
      </c>
    </row>
    <row r="8" spans="1:14" ht="23.1" customHeight="1" x14ac:dyDescent="0.2">
      <c r="A8" s="26">
        <v>4</v>
      </c>
      <c r="B8" s="27" t="s">
        <v>13</v>
      </c>
      <c r="C8" s="28">
        <v>841</v>
      </c>
      <c r="D8" s="29">
        <v>952</v>
      </c>
      <c r="E8" s="29">
        <v>1793</v>
      </c>
      <c r="F8" s="30">
        <v>984</v>
      </c>
      <c r="G8" s="31">
        <v>845</v>
      </c>
      <c r="H8" s="32">
        <v>954</v>
      </c>
      <c r="I8" s="32">
        <v>1799</v>
      </c>
      <c r="J8" s="33">
        <v>988</v>
      </c>
      <c r="K8" s="34">
        <v>4</v>
      </c>
      <c r="L8" s="35">
        <v>2</v>
      </c>
      <c r="M8" s="35">
        <v>6</v>
      </c>
      <c r="N8" s="36">
        <v>4</v>
      </c>
    </row>
    <row r="9" spans="1:14" ht="23.1" customHeight="1" x14ac:dyDescent="0.2">
      <c r="A9" s="26">
        <v>5</v>
      </c>
      <c r="B9" s="27"/>
      <c r="C9" s="28">
        <v>1574</v>
      </c>
      <c r="D9" s="29">
        <v>1816</v>
      </c>
      <c r="E9" s="29">
        <v>3390</v>
      </c>
      <c r="F9" s="30">
        <v>1805</v>
      </c>
      <c r="G9" s="31">
        <v>1570</v>
      </c>
      <c r="H9" s="32">
        <v>1812</v>
      </c>
      <c r="I9" s="32">
        <v>3382</v>
      </c>
      <c r="J9" s="33">
        <v>1802</v>
      </c>
      <c r="K9" s="34">
        <v>-4</v>
      </c>
      <c r="L9" s="35">
        <v>-4</v>
      </c>
      <c r="M9" s="35">
        <v>-8</v>
      </c>
      <c r="N9" s="36">
        <v>-3</v>
      </c>
    </row>
    <row r="10" spans="1:14" ht="23.1" customHeight="1" x14ac:dyDescent="0.2">
      <c r="A10" s="26">
        <v>6</v>
      </c>
      <c r="B10" s="27" t="s">
        <v>14</v>
      </c>
      <c r="C10" s="28">
        <v>2843</v>
      </c>
      <c r="D10" s="29">
        <v>3092</v>
      </c>
      <c r="E10" s="29">
        <v>5935</v>
      </c>
      <c r="F10" s="30">
        <v>3162</v>
      </c>
      <c r="G10" s="31">
        <v>2843</v>
      </c>
      <c r="H10" s="32">
        <v>3095</v>
      </c>
      <c r="I10" s="32">
        <v>5938</v>
      </c>
      <c r="J10" s="33">
        <v>3160</v>
      </c>
      <c r="K10" s="34">
        <v>0</v>
      </c>
      <c r="L10" s="35">
        <v>3</v>
      </c>
      <c r="M10" s="35">
        <v>3</v>
      </c>
      <c r="N10" s="36">
        <v>-2</v>
      </c>
    </row>
    <row r="11" spans="1:14" ht="23.1" customHeight="1" x14ac:dyDescent="0.2">
      <c r="A11" s="26">
        <v>7</v>
      </c>
      <c r="B11" s="27" t="s">
        <v>15</v>
      </c>
      <c r="C11" s="28">
        <v>2022</v>
      </c>
      <c r="D11" s="29">
        <v>2118</v>
      </c>
      <c r="E11" s="29">
        <v>4140</v>
      </c>
      <c r="F11" s="30">
        <v>2095</v>
      </c>
      <c r="G11" s="31">
        <v>2012</v>
      </c>
      <c r="H11" s="32">
        <v>2118</v>
      </c>
      <c r="I11" s="32">
        <v>4130</v>
      </c>
      <c r="J11" s="33">
        <v>2092</v>
      </c>
      <c r="K11" s="34">
        <v>-10</v>
      </c>
      <c r="L11" s="35">
        <v>0</v>
      </c>
      <c r="M11" s="35">
        <v>-10</v>
      </c>
      <c r="N11" s="36">
        <v>-3</v>
      </c>
    </row>
    <row r="12" spans="1:14" ht="23.1" customHeight="1" x14ac:dyDescent="0.2">
      <c r="A12" s="26">
        <v>8</v>
      </c>
      <c r="B12" s="27" t="s">
        <v>16</v>
      </c>
      <c r="C12" s="28">
        <v>1237</v>
      </c>
      <c r="D12" s="29">
        <v>1347</v>
      </c>
      <c r="E12" s="29">
        <v>2584</v>
      </c>
      <c r="F12" s="30">
        <v>1330</v>
      </c>
      <c r="G12" s="31">
        <v>1241</v>
      </c>
      <c r="H12" s="32">
        <v>1349</v>
      </c>
      <c r="I12" s="32">
        <v>2590</v>
      </c>
      <c r="J12" s="33">
        <v>1336</v>
      </c>
      <c r="K12" s="34">
        <v>4</v>
      </c>
      <c r="L12" s="35">
        <v>2</v>
      </c>
      <c r="M12" s="35">
        <v>6</v>
      </c>
      <c r="N12" s="36">
        <v>6</v>
      </c>
    </row>
    <row r="13" spans="1:14" ht="23.1" customHeight="1" x14ac:dyDescent="0.2">
      <c r="A13" s="26">
        <v>9</v>
      </c>
      <c r="B13" s="27" t="s">
        <v>17</v>
      </c>
      <c r="C13" s="28">
        <v>3098</v>
      </c>
      <c r="D13" s="29">
        <v>3393</v>
      </c>
      <c r="E13" s="29">
        <v>6491</v>
      </c>
      <c r="F13" s="30">
        <v>3108</v>
      </c>
      <c r="G13" s="31">
        <v>3100</v>
      </c>
      <c r="H13" s="32">
        <v>3388</v>
      </c>
      <c r="I13" s="32">
        <v>6488</v>
      </c>
      <c r="J13" s="33">
        <v>3112</v>
      </c>
      <c r="K13" s="34">
        <v>2</v>
      </c>
      <c r="L13" s="35">
        <v>-5</v>
      </c>
      <c r="M13" s="35">
        <v>-3</v>
      </c>
      <c r="N13" s="36">
        <v>4</v>
      </c>
    </row>
    <row r="14" spans="1:14" ht="23.1" customHeight="1" x14ac:dyDescent="0.2">
      <c r="A14" s="26">
        <v>10</v>
      </c>
      <c r="B14" s="27" t="s">
        <v>18</v>
      </c>
      <c r="C14" s="28">
        <v>5638</v>
      </c>
      <c r="D14" s="29">
        <v>6214</v>
      </c>
      <c r="E14" s="29">
        <v>11852</v>
      </c>
      <c r="F14" s="30">
        <v>5733</v>
      </c>
      <c r="G14" s="31">
        <v>5624</v>
      </c>
      <c r="H14" s="32">
        <v>6198</v>
      </c>
      <c r="I14" s="32">
        <v>11822</v>
      </c>
      <c r="J14" s="33">
        <v>5723</v>
      </c>
      <c r="K14" s="34">
        <v>-14</v>
      </c>
      <c r="L14" s="35">
        <v>-16</v>
      </c>
      <c r="M14" s="35">
        <v>-30</v>
      </c>
      <c r="N14" s="36">
        <v>-10</v>
      </c>
    </row>
    <row r="15" spans="1:14" ht="23.1" customHeight="1" x14ac:dyDescent="0.2">
      <c r="A15" s="26">
        <v>11</v>
      </c>
      <c r="B15" s="27" t="s">
        <v>19</v>
      </c>
      <c r="C15" s="28">
        <v>7339</v>
      </c>
      <c r="D15" s="29">
        <v>7797</v>
      </c>
      <c r="E15" s="29">
        <v>15136</v>
      </c>
      <c r="F15" s="30">
        <v>6680</v>
      </c>
      <c r="G15" s="31">
        <v>7345</v>
      </c>
      <c r="H15" s="32">
        <v>7802</v>
      </c>
      <c r="I15" s="32">
        <v>15147</v>
      </c>
      <c r="J15" s="33">
        <v>6689</v>
      </c>
      <c r="K15" s="34">
        <v>6</v>
      </c>
      <c r="L15" s="35">
        <v>5</v>
      </c>
      <c r="M15" s="35">
        <v>11</v>
      </c>
      <c r="N15" s="36">
        <v>9</v>
      </c>
    </row>
    <row r="16" spans="1:14" ht="23.1" customHeight="1" x14ac:dyDescent="0.2">
      <c r="A16" s="26">
        <v>12</v>
      </c>
      <c r="B16" s="27" t="s">
        <v>20</v>
      </c>
      <c r="C16" s="28">
        <v>4002</v>
      </c>
      <c r="D16" s="29">
        <v>4155</v>
      </c>
      <c r="E16" s="29">
        <v>8157</v>
      </c>
      <c r="F16" s="30">
        <v>4198</v>
      </c>
      <c r="G16" s="31">
        <v>4005</v>
      </c>
      <c r="H16" s="32">
        <v>4167</v>
      </c>
      <c r="I16" s="32">
        <v>8172</v>
      </c>
      <c r="J16" s="33">
        <v>4204</v>
      </c>
      <c r="K16" s="34">
        <v>3</v>
      </c>
      <c r="L16" s="35">
        <v>12</v>
      </c>
      <c r="M16" s="35">
        <v>15</v>
      </c>
      <c r="N16" s="36">
        <v>6</v>
      </c>
    </row>
    <row r="17" spans="1:14" ht="23.1" customHeight="1" x14ac:dyDescent="0.2">
      <c r="A17" s="26">
        <v>13</v>
      </c>
      <c r="B17" s="27" t="s">
        <v>21</v>
      </c>
      <c r="C17" s="28">
        <v>5182</v>
      </c>
      <c r="D17" s="29">
        <v>5427</v>
      </c>
      <c r="E17" s="29">
        <v>10609</v>
      </c>
      <c r="F17" s="30">
        <v>5219</v>
      </c>
      <c r="G17" s="31">
        <v>5181</v>
      </c>
      <c r="H17" s="32">
        <v>5417</v>
      </c>
      <c r="I17" s="32">
        <v>10598</v>
      </c>
      <c r="J17" s="33">
        <v>5213</v>
      </c>
      <c r="K17" s="34">
        <v>-1</v>
      </c>
      <c r="L17" s="35">
        <v>-10</v>
      </c>
      <c r="M17" s="35">
        <v>-11</v>
      </c>
      <c r="N17" s="36">
        <v>-6</v>
      </c>
    </row>
    <row r="18" spans="1:14" ht="23.1" customHeight="1" x14ac:dyDescent="0.2">
      <c r="A18" s="26">
        <v>14</v>
      </c>
      <c r="B18" s="27" t="s">
        <v>22</v>
      </c>
      <c r="C18" s="28">
        <v>3942</v>
      </c>
      <c r="D18" s="29">
        <v>4209</v>
      </c>
      <c r="E18" s="29">
        <v>8151</v>
      </c>
      <c r="F18" s="30">
        <v>3741</v>
      </c>
      <c r="G18" s="31">
        <v>3936</v>
      </c>
      <c r="H18" s="32">
        <v>4202</v>
      </c>
      <c r="I18" s="32">
        <v>8138</v>
      </c>
      <c r="J18" s="33">
        <v>3740</v>
      </c>
      <c r="K18" s="34">
        <v>-6</v>
      </c>
      <c r="L18" s="35">
        <v>-7</v>
      </c>
      <c r="M18" s="35">
        <v>-13</v>
      </c>
      <c r="N18" s="36">
        <v>-1</v>
      </c>
    </row>
    <row r="19" spans="1:14" ht="23.1" customHeight="1" x14ac:dyDescent="0.2">
      <c r="A19" s="26">
        <v>15</v>
      </c>
      <c r="B19" s="27" t="s">
        <v>23</v>
      </c>
      <c r="C19" s="28">
        <v>2735</v>
      </c>
      <c r="D19" s="29">
        <v>2938</v>
      </c>
      <c r="E19" s="29">
        <v>5673</v>
      </c>
      <c r="F19" s="30">
        <v>2514</v>
      </c>
      <c r="G19" s="31">
        <v>2733</v>
      </c>
      <c r="H19" s="32">
        <v>2939</v>
      </c>
      <c r="I19" s="32">
        <v>5672</v>
      </c>
      <c r="J19" s="33">
        <v>2512</v>
      </c>
      <c r="K19" s="34">
        <v>-2</v>
      </c>
      <c r="L19" s="35">
        <v>1</v>
      </c>
      <c r="M19" s="35">
        <v>-1</v>
      </c>
      <c r="N19" s="36">
        <v>-2</v>
      </c>
    </row>
    <row r="20" spans="1:14" ht="23.1" customHeight="1" x14ac:dyDescent="0.2">
      <c r="A20" s="26">
        <v>16</v>
      </c>
      <c r="B20" s="27" t="s">
        <v>24</v>
      </c>
      <c r="C20" s="28">
        <v>5351</v>
      </c>
      <c r="D20" s="29">
        <v>4759</v>
      </c>
      <c r="E20" s="29">
        <v>10110</v>
      </c>
      <c r="F20" s="30">
        <v>5529</v>
      </c>
      <c r="G20" s="31">
        <v>5336</v>
      </c>
      <c r="H20" s="32">
        <v>4758</v>
      </c>
      <c r="I20" s="32">
        <v>10094</v>
      </c>
      <c r="J20" s="33">
        <v>5513</v>
      </c>
      <c r="K20" s="34">
        <v>-15</v>
      </c>
      <c r="L20" s="35">
        <v>-1</v>
      </c>
      <c r="M20" s="35">
        <v>-16</v>
      </c>
      <c r="N20" s="36">
        <v>-16</v>
      </c>
    </row>
    <row r="21" spans="1:14" ht="23.1" customHeight="1" x14ac:dyDescent="0.2">
      <c r="A21" s="26">
        <v>17</v>
      </c>
      <c r="B21" s="27" t="s">
        <v>25</v>
      </c>
      <c r="C21" s="28">
        <v>1955</v>
      </c>
      <c r="D21" s="29">
        <v>2187</v>
      </c>
      <c r="E21" s="29">
        <v>4142</v>
      </c>
      <c r="F21" s="30">
        <v>1809</v>
      </c>
      <c r="G21" s="31">
        <v>1946</v>
      </c>
      <c r="H21" s="32">
        <v>2182</v>
      </c>
      <c r="I21" s="32">
        <v>4128</v>
      </c>
      <c r="J21" s="33">
        <v>1801</v>
      </c>
      <c r="K21" s="34">
        <v>-9</v>
      </c>
      <c r="L21" s="35">
        <v>-5</v>
      </c>
      <c r="M21" s="35">
        <v>-14</v>
      </c>
      <c r="N21" s="36">
        <v>-8</v>
      </c>
    </row>
    <row r="22" spans="1:14" ht="23.1" customHeight="1" x14ac:dyDescent="0.2">
      <c r="A22" s="26">
        <v>18</v>
      </c>
      <c r="B22" s="27" t="s">
        <v>26</v>
      </c>
      <c r="C22" s="28">
        <v>1462</v>
      </c>
      <c r="D22" s="29">
        <v>1666</v>
      </c>
      <c r="E22" s="29">
        <v>3128</v>
      </c>
      <c r="F22" s="30">
        <v>1487</v>
      </c>
      <c r="G22" s="31">
        <v>1464</v>
      </c>
      <c r="H22" s="32">
        <v>1665</v>
      </c>
      <c r="I22" s="32">
        <v>3129</v>
      </c>
      <c r="J22" s="33">
        <v>1485</v>
      </c>
      <c r="K22" s="34">
        <v>2</v>
      </c>
      <c r="L22" s="35">
        <v>-1</v>
      </c>
      <c r="M22" s="35">
        <v>1</v>
      </c>
      <c r="N22" s="36">
        <v>-2</v>
      </c>
    </row>
    <row r="23" spans="1:14" ht="23.1" customHeight="1" x14ac:dyDescent="0.2">
      <c r="A23" s="26">
        <v>19</v>
      </c>
      <c r="B23" s="27" t="s">
        <v>27</v>
      </c>
      <c r="C23" s="28">
        <v>2841</v>
      </c>
      <c r="D23" s="29">
        <v>2933</v>
      </c>
      <c r="E23" s="29">
        <v>5774</v>
      </c>
      <c r="F23" s="30">
        <v>2495</v>
      </c>
      <c r="G23" s="31">
        <v>2838</v>
      </c>
      <c r="H23" s="32">
        <v>2934</v>
      </c>
      <c r="I23" s="32">
        <v>5772</v>
      </c>
      <c r="J23" s="33">
        <v>2492</v>
      </c>
      <c r="K23" s="34">
        <v>-3</v>
      </c>
      <c r="L23" s="35">
        <v>1</v>
      </c>
      <c r="M23" s="35">
        <v>-2</v>
      </c>
      <c r="N23" s="36">
        <v>-3</v>
      </c>
    </row>
    <row r="24" spans="1:14" ht="23.1" customHeight="1" x14ac:dyDescent="0.2">
      <c r="A24" s="26">
        <v>20</v>
      </c>
      <c r="B24" s="27" t="s">
        <v>28</v>
      </c>
      <c r="C24" s="28">
        <v>3792</v>
      </c>
      <c r="D24" s="29">
        <v>3877</v>
      </c>
      <c r="E24" s="29">
        <v>7669</v>
      </c>
      <c r="F24" s="30">
        <v>3244</v>
      </c>
      <c r="G24" s="31">
        <v>3785</v>
      </c>
      <c r="H24" s="32">
        <v>3873</v>
      </c>
      <c r="I24" s="32">
        <v>7658</v>
      </c>
      <c r="J24" s="33">
        <v>3242</v>
      </c>
      <c r="K24" s="34">
        <v>-7</v>
      </c>
      <c r="L24" s="35">
        <v>-4</v>
      </c>
      <c r="M24" s="35">
        <v>-11</v>
      </c>
      <c r="N24" s="36">
        <v>-2</v>
      </c>
    </row>
    <row r="25" spans="1:14" ht="23.1" customHeight="1" x14ac:dyDescent="0.2">
      <c r="A25" s="26">
        <v>21</v>
      </c>
      <c r="B25" s="27" t="s">
        <v>29</v>
      </c>
      <c r="C25" s="28">
        <v>1157</v>
      </c>
      <c r="D25" s="29">
        <v>1304</v>
      </c>
      <c r="E25" s="29">
        <v>2461</v>
      </c>
      <c r="F25" s="30">
        <v>1058</v>
      </c>
      <c r="G25" s="31">
        <v>1155</v>
      </c>
      <c r="H25" s="32">
        <v>1300</v>
      </c>
      <c r="I25" s="32">
        <v>2455</v>
      </c>
      <c r="J25" s="33">
        <v>1055</v>
      </c>
      <c r="K25" s="34">
        <v>-2</v>
      </c>
      <c r="L25" s="35">
        <v>-4</v>
      </c>
      <c r="M25" s="35">
        <v>-6</v>
      </c>
      <c r="N25" s="36">
        <v>-3</v>
      </c>
    </row>
    <row r="26" spans="1:14" ht="23.1" customHeight="1" x14ac:dyDescent="0.2">
      <c r="A26" s="26">
        <v>22</v>
      </c>
      <c r="B26" s="27" t="s">
        <v>30</v>
      </c>
      <c r="C26" s="28">
        <v>1978</v>
      </c>
      <c r="D26" s="29">
        <v>2116</v>
      </c>
      <c r="E26" s="29">
        <v>4094</v>
      </c>
      <c r="F26" s="30">
        <v>1767</v>
      </c>
      <c r="G26" s="31">
        <v>1979</v>
      </c>
      <c r="H26" s="32">
        <v>2116</v>
      </c>
      <c r="I26" s="32">
        <v>4095</v>
      </c>
      <c r="J26" s="33">
        <v>1772</v>
      </c>
      <c r="K26" s="34">
        <v>1</v>
      </c>
      <c r="L26" s="35">
        <v>0</v>
      </c>
      <c r="M26" s="35">
        <v>1</v>
      </c>
      <c r="N26" s="36">
        <v>5</v>
      </c>
    </row>
    <row r="27" spans="1:14" ht="23.1" customHeight="1" x14ac:dyDescent="0.2">
      <c r="A27" s="26">
        <v>23</v>
      </c>
      <c r="B27" s="27" t="s">
        <v>31</v>
      </c>
      <c r="C27" s="28">
        <v>7612</v>
      </c>
      <c r="D27" s="29">
        <v>7909</v>
      </c>
      <c r="E27" s="29">
        <v>15521</v>
      </c>
      <c r="F27" s="30">
        <v>6595</v>
      </c>
      <c r="G27" s="31">
        <v>7603</v>
      </c>
      <c r="H27" s="32">
        <v>7903</v>
      </c>
      <c r="I27" s="32">
        <v>15506</v>
      </c>
      <c r="J27" s="33">
        <v>6596</v>
      </c>
      <c r="K27" s="34">
        <v>-9</v>
      </c>
      <c r="L27" s="35">
        <v>-6</v>
      </c>
      <c r="M27" s="35">
        <v>-15</v>
      </c>
      <c r="N27" s="36">
        <v>1</v>
      </c>
    </row>
    <row r="28" spans="1:14" ht="23.1" customHeight="1" x14ac:dyDescent="0.2">
      <c r="A28" s="26">
        <v>24</v>
      </c>
      <c r="B28" s="27" t="s">
        <v>32</v>
      </c>
      <c r="C28" s="28">
        <v>4604</v>
      </c>
      <c r="D28" s="29">
        <v>5048</v>
      </c>
      <c r="E28" s="29">
        <v>9652</v>
      </c>
      <c r="F28" s="30">
        <v>4479</v>
      </c>
      <c r="G28" s="31">
        <v>4586</v>
      </c>
      <c r="H28" s="32">
        <v>5043</v>
      </c>
      <c r="I28" s="32">
        <v>9629</v>
      </c>
      <c r="J28" s="33">
        <v>4470</v>
      </c>
      <c r="K28" s="34">
        <v>-18</v>
      </c>
      <c r="L28" s="35">
        <v>-5</v>
      </c>
      <c r="M28" s="35">
        <v>-23</v>
      </c>
      <c r="N28" s="36">
        <v>-9</v>
      </c>
    </row>
    <row r="29" spans="1:14" ht="23.1" customHeight="1" x14ac:dyDescent="0.2">
      <c r="A29" s="26">
        <v>25</v>
      </c>
      <c r="B29" s="27" t="s">
        <v>33</v>
      </c>
      <c r="C29" s="28">
        <v>6143</v>
      </c>
      <c r="D29" s="29">
        <v>6438</v>
      </c>
      <c r="E29" s="29">
        <v>12581</v>
      </c>
      <c r="F29" s="30">
        <v>5763</v>
      </c>
      <c r="G29" s="31">
        <v>6151</v>
      </c>
      <c r="H29" s="32">
        <v>6434</v>
      </c>
      <c r="I29" s="32">
        <v>12585</v>
      </c>
      <c r="J29" s="33">
        <v>5767</v>
      </c>
      <c r="K29" s="34">
        <v>8</v>
      </c>
      <c r="L29" s="35">
        <v>-4</v>
      </c>
      <c r="M29" s="35">
        <v>4</v>
      </c>
      <c r="N29" s="36">
        <v>4</v>
      </c>
    </row>
    <row r="30" spans="1:14" ht="23.1" customHeight="1" x14ac:dyDescent="0.2">
      <c r="A30" s="26">
        <v>26</v>
      </c>
      <c r="B30" s="27" t="s">
        <v>34</v>
      </c>
      <c r="C30" s="28">
        <v>7971</v>
      </c>
      <c r="D30" s="29">
        <v>8282</v>
      </c>
      <c r="E30" s="29">
        <v>16253</v>
      </c>
      <c r="F30" s="30">
        <v>6739</v>
      </c>
      <c r="G30" s="31">
        <v>7974</v>
      </c>
      <c r="H30" s="32">
        <v>8280</v>
      </c>
      <c r="I30" s="32">
        <v>16254</v>
      </c>
      <c r="J30" s="33">
        <v>6727</v>
      </c>
      <c r="K30" s="34">
        <v>3</v>
      </c>
      <c r="L30" s="35">
        <v>-2</v>
      </c>
      <c r="M30" s="35">
        <v>1</v>
      </c>
      <c r="N30" s="36">
        <v>-12</v>
      </c>
    </row>
    <row r="31" spans="1:14" ht="23.1" customHeight="1" x14ac:dyDescent="0.2">
      <c r="A31" s="26">
        <v>27</v>
      </c>
      <c r="B31" s="27" t="s">
        <v>35</v>
      </c>
      <c r="C31" s="28">
        <v>5602</v>
      </c>
      <c r="D31" s="29">
        <v>6055</v>
      </c>
      <c r="E31" s="29">
        <v>11657</v>
      </c>
      <c r="F31" s="30">
        <v>5649</v>
      </c>
      <c r="G31" s="31">
        <v>5587</v>
      </c>
      <c r="H31" s="32">
        <v>6057</v>
      </c>
      <c r="I31" s="32">
        <v>11644</v>
      </c>
      <c r="J31" s="33">
        <v>5651</v>
      </c>
      <c r="K31" s="34">
        <v>-15</v>
      </c>
      <c r="L31" s="35">
        <v>2</v>
      </c>
      <c r="M31" s="35">
        <v>-13</v>
      </c>
      <c r="N31" s="36">
        <v>2</v>
      </c>
    </row>
    <row r="32" spans="1:14" ht="23.1" customHeight="1" x14ac:dyDescent="0.2">
      <c r="A32" s="26">
        <v>28</v>
      </c>
      <c r="B32" s="27" t="s">
        <v>36</v>
      </c>
      <c r="C32" s="28">
        <v>5565</v>
      </c>
      <c r="D32" s="29">
        <v>5871</v>
      </c>
      <c r="E32" s="29">
        <v>11436</v>
      </c>
      <c r="F32" s="30">
        <v>4854</v>
      </c>
      <c r="G32" s="31">
        <v>5554</v>
      </c>
      <c r="H32" s="32">
        <v>5882</v>
      </c>
      <c r="I32" s="32">
        <v>11436</v>
      </c>
      <c r="J32" s="33">
        <v>4863</v>
      </c>
      <c r="K32" s="34">
        <v>-11</v>
      </c>
      <c r="L32" s="35">
        <v>11</v>
      </c>
      <c r="M32" s="35">
        <v>0</v>
      </c>
      <c r="N32" s="36">
        <v>9</v>
      </c>
    </row>
    <row r="33" spans="1:14" ht="23.1" customHeight="1" x14ac:dyDescent="0.2">
      <c r="A33" s="26">
        <v>29</v>
      </c>
      <c r="B33" s="27" t="s">
        <v>37</v>
      </c>
      <c r="C33" s="28">
        <v>2785</v>
      </c>
      <c r="D33" s="29">
        <v>2942</v>
      </c>
      <c r="E33" s="29">
        <v>5727</v>
      </c>
      <c r="F33" s="30">
        <v>2450</v>
      </c>
      <c r="G33" s="31">
        <v>2786</v>
      </c>
      <c r="H33" s="32">
        <v>2941</v>
      </c>
      <c r="I33" s="32">
        <v>5727</v>
      </c>
      <c r="J33" s="33">
        <v>2447</v>
      </c>
      <c r="K33" s="34">
        <v>1</v>
      </c>
      <c r="L33" s="35">
        <v>-1</v>
      </c>
      <c r="M33" s="35">
        <v>0</v>
      </c>
      <c r="N33" s="36">
        <v>-3</v>
      </c>
    </row>
    <row r="34" spans="1:14" ht="23.1" customHeight="1" x14ac:dyDescent="0.2">
      <c r="A34" s="26">
        <v>30</v>
      </c>
      <c r="B34" s="27" t="s">
        <v>38</v>
      </c>
      <c r="C34" s="28">
        <v>6668</v>
      </c>
      <c r="D34" s="29">
        <v>6976</v>
      </c>
      <c r="E34" s="29">
        <v>13644</v>
      </c>
      <c r="F34" s="30">
        <v>6187</v>
      </c>
      <c r="G34" s="31">
        <v>6695</v>
      </c>
      <c r="H34" s="32">
        <v>6979</v>
      </c>
      <c r="I34" s="32">
        <v>13674</v>
      </c>
      <c r="J34" s="33">
        <v>6226</v>
      </c>
      <c r="K34" s="34">
        <v>27</v>
      </c>
      <c r="L34" s="35">
        <v>3</v>
      </c>
      <c r="M34" s="35">
        <v>30</v>
      </c>
      <c r="N34" s="36">
        <v>39</v>
      </c>
    </row>
    <row r="35" spans="1:14" ht="23.1" customHeight="1" x14ac:dyDescent="0.2">
      <c r="A35" s="26">
        <v>31</v>
      </c>
      <c r="B35" s="27" t="s">
        <v>39</v>
      </c>
      <c r="C35" s="28">
        <v>2740</v>
      </c>
      <c r="D35" s="29">
        <v>2690</v>
      </c>
      <c r="E35" s="29">
        <v>5430</v>
      </c>
      <c r="F35" s="30">
        <v>2384</v>
      </c>
      <c r="G35" s="31">
        <v>2729</v>
      </c>
      <c r="H35" s="32">
        <v>2685</v>
      </c>
      <c r="I35" s="32">
        <v>5414</v>
      </c>
      <c r="J35" s="33">
        <v>2380</v>
      </c>
      <c r="K35" s="34">
        <v>-11</v>
      </c>
      <c r="L35" s="35">
        <v>-5</v>
      </c>
      <c r="M35" s="35">
        <v>-16</v>
      </c>
      <c r="N35" s="36">
        <v>-4</v>
      </c>
    </row>
    <row r="36" spans="1:14" ht="23.1" customHeight="1" x14ac:dyDescent="0.2">
      <c r="A36" s="26">
        <v>32</v>
      </c>
      <c r="B36" s="27" t="s">
        <v>40</v>
      </c>
      <c r="C36" s="28">
        <v>3441</v>
      </c>
      <c r="D36" s="29">
        <v>3583</v>
      </c>
      <c r="E36" s="29">
        <v>7024</v>
      </c>
      <c r="F36" s="30">
        <v>2823</v>
      </c>
      <c r="G36" s="31">
        <v>3444</v>
      </c>
      <c r="H36" s="32">
        <v>3589</v>
      </c>
      <c r="I36" s="32">
        <v>7033</v>
      </c>
      <c r="J36" s="33">
        <v>2823</v>
      </c>
      <c r="K36" s="34">
        <v>3</v>
      </c>
      <c r="L36" s="35">
        <v>6</v>
      </c>
      <c r="M36" s="35">
        <v>9</v>
      </c>
      <c r="N36" s="36">
        <v>0</v>
      </c>
    </row>
    <row r="37" spans="1:14" ht="23.1" customHeight="1" x14ac:dyDescent="0.2">
      <c r="A37" s="26">
        <v>33</v>
      </c>
      <c r="B37" s="27" t="s">
        <v>41</v>
      </c>
      <c r="C37" s="28">
        <v>3054</v>
      </c>
      <c r="D37" s="29">
        <v>3313</v>
      </c>
      <c r="E37" s="29">
        <v>6367</v>
      </c>
      <c r="F37" s="30">
        <v>2669</v>
      </c>
      <c r="G37" s="31">
        <v>3049</v>
      </c>
      <c r="H37" s="32">
        <v>3312</v>
      </c>
      <c r="I37" s="32">
        <v>6361</v>
      </c>
      <c r="J37" s="33">
        <v>2673</v>
      </c>
      <c r="K37" s="34">
        <v>-5</v>
      </c>
      <c r="L37" s="35">
        <v>-1</v>
      </c>
      <c r="M37" s="35">
        <v>-6</v>
      </c>
      <c r="N37" s="36">
        <v>4</v>
      </c>
    </row>
    <row r="38" spans="1:14" ht="23.1" customHeight="1" x14ac:dyDescent="0.2">
      <c r="A38" s="26">
        <v>34</v>
      </c>
      <c r="B38" s="27" t="s">
        <v>42</v>
      </c>
      <c r="C38" s="28">
        <v>1622</v>
      </c>
      <c r="D38" s="29">
        <v>1691</v>
      </c>
      <c r="E38" s="29">
        <v>3313</v>
      </c>
      <c r="F38" s="30">
        <v>1392</v>
      </c>
      <c r="G38" s="31">
        <v>1616</v>
      </c>
      <c r="H38" s="32">
        <v>1683</v>
      </c>
      <c r="I38" s="32">
        <v>3299</v>
      </c>
      <c r="J38" s="33">
        <v>1392</v>
      </c>
      <c r="K38" s="34">
        <v>-6</v>
      </c>
      <c r="L38" s="35">
        <v>-8</v>
      </c>
      <c r="M38" s="35">
        <v>-14</v>
      </c>
      <c r="N38" s="36">
        <v>0</v>
      </c>
    </row>
    <row r="39" spans="1:14" ht="23.1" customHeight="1" x14ac:dyDescent="0.2">
      <c r="A39" s="26">
        <v>35</v>
      </c>
      <c r="B39" s="27" t="s">
        <v>43</v>
      </c>
      <c r="C39" s="28">
        <v>1102</v>
      </c>
      <c r="D39" s="29">
        <v>1205</v>
      </c>
      <c r="E39" s="29">
        <v>2307</v>
      </c>
      <c r="F39" s="30">
        <v>950</v>
      </c>
      <c r="G39" s="31">
        <v>1098</v>
      </c>
      <c r="H39" s="32">
        <v>1204</v>
      </c>
      <c r="I39" s="32">
        <v>2302</v>
      </c>
      <c r="J39" s="33">
        <v>947</v>
      </c>
      <c r="K39" s="34">
        <v>-4</v>
      </c>
      <c r="L39" s="35">
        <v>-1</v>
      </c>
      <c r="M39" s="35">
        <v>-5</v>
      </c>
      <c r="N39" s="36">
        <v>-3</v>
      </c>
    </row>
    <row r="40" spans="1:14" ht="23.1" customHeight="1" x14ac:dyDescent="0.2">
      <c r="A40" s="26">
        <v>36</v>
      </c>
      <c r="B40" s="27" t="s">
        <v>44</v>
      </c>
      <c r="C40" s="28">
        <v>1435</v>
      </c>
      <c r="D40" s="29">
        <v>1413</v>
      </c>
      <c r="E40" s="29">
        <v>2848</v>
      </c>
      <c r="F40" s="30">
        <v>1203</v>
      </c>
      <c r="G40" s="31">
        <v>1426</v>
      </c>
      <c r="H40" s="32">
        <v>1410</v>
      </c>
      <c r="I40" s="32">
        <v>2836</v>
      </c>
      <c r="J40" s="33">
        <v>1197</v>
      </c>
      <c r="K40" s="34">
        <v>-9</v>
      </c>
      <c r="L40" s="35">
        <v>-3</v>
      </c>
      <c r="M40" s="35">
        <v>-12</v>
      </c>
      <c r="N40" s="36">
        <v>-6</v>
      </c>
    </row>
    <row r="41" spans="1:14" ht="23.1" customHeight="1" x14ac:dyDescent="0.2">
      <c r="A41" s="26">
        <v>37</v>
      </c>
      <c r="B41" s="27" t="s">
        <v>45</v>
      </c>
      <c r="C41" s="28">
        <v>1447</v>
      </c>
      <c r="D41" s="29">
        <v>1613</v>
      </c>
      <c r="E41" s="29">
        <v>3060</v>
      </c>
      <c r="F41" s="30">
        <v>1270</v>
      </c>
      <c r="G41" s="31">
        <v>1451</v>
      </c>
      <c r="H41" s="32">
        <v>1612</v>
      </c>
      <c r="I41" s="32">
        <v>3063</v>
      </c>
      <c r="J41" s="33">
        <v>1272</v>
      </c>
      <c r="K41" s="34">
        <v>4</v>
      </c>
      <c r="L41" s="35">
        <v>-1</v>
      </c>
      <c r="M41" s="35">
        <v>3</v>
      </c>
      <c r="N41" s="36">
        <v>2</v>
      </c>
    </row>
    <row r="42" spans="1:14" ht="23.1" customHeight="1" x14ac:dyDescent="0.2">
      <c r="A42" s="26">
        <v>38</v>
      </c>
      <c r="B42" s="27" t="s">
        <v>46</v>
      </c>
      <c r="C42" s="28">
        <v>6026</v>
      </c>
      <c r="D42" s="29">
        <v>6363</v>
      </c>
      <c r="E42" s="29">
        <v>12389</v>
      </c>
      <c r="F42" s="30">
        <v>5460</v>
      </c>
      <c r="G42" s="31">
        <v>6015</v>
      </c>
      <c r="H42" s="32">
        <v>6345</v>
      </c>
      <c r="I42" s="32">
        <v>12360</v>
      </c>
      <c r="J42" s="33">
        <v>5449</v>
      </c>
      <c r="K42" s="34">
        <v>-11</v>
      </c>
      <c r="L42" s="35">
        <v>-18</v>
      </c>
      <c r="M42" s="35">
        <v>-29</v>
      </c>
      <c r="N42" s="36">
        <v>-11</v>
      </c>
    </row>
    <row r="43" spans="1:14" ht="23.1" customHeight="1" x14ac:dyDescent="0.2">
      <c r="A43" s="26">
        <v>39</v>
      </c>
      <c r="B43" s="27" t="s">
        <v>47</v>
      </c>
      <c r="C43" s="28">
        <v>1972</v>
      </c>
      <c r="D43" s="29">
        <v>2076</v>
      </c>
      <c r="E43" s="29">
        <v>4048</v>
      </c>
      <c r="F43" s="30">
        <v>1733</v>
      </c>
      <c r="G43" s="31">
        <v>1970</v>
      </c>
      <c r="H43" s="32">
        <v>2078</v>
      </c>
      <c r="I43" s="32">
        <v>4048</v>
      </c>
      <c r="J43" s="33">
        <v>1731</v>
      </c>
      <c r="K43" s="34">
        <v>-2</v>
      </c>
      <c r="L43" s="35">
        <v>2</v>
      </c>
      <c r="M43" s="35">
        <v>0</v>
      </c>
      <c r="N43" s="36">
        <v>-2</v>
      </c>
    </row>
    <row r="44" spans="1:14" ht="23.1" customHeight="1" x14ac:dyDescent="0.2">
      <c r="A44" s="26">
        <v>40</v>
      </c>
      <c r="B44" s="27" t="s">
        <v>48</v>
      </c>
      <c r="C44" s="28">
        <v>792</v>
      </c>
      <c r="D44" s="29">
        <v>835</v>
      </c>
      <c r="E44" s="29">
        <v>1627</v>
      </c>
      <c r="F44" s="30">
        <v>633</v>
      </c>
      <c r="G44" s="31">
        <v>788</v>
      </c>
      <c r="H44" s="32">
        <v>832</v>
      </c>
      <c r="I44" s="32">
        <v>1620</v>
      </c>
      <c r="J44" s="33">
        <v>628</v>
      </c>
      <c r="K44" s="34">
        <v>-4</v>
      </c>
      <c r="L44" s="35">
        <v>-3</v>
      </c>
      <c r="M44" s="35">
        <v>-7</v>
      </c>
      <c r="N44" s="36">
        <v>-5</v>
      </c>
    </row>
    <row r="45" spans="1:14" ht="23.1" customHeight="1" x14ac:dyDescent="0.2">
      <c r="A45" s="26">
        <v>41</v>
      </c>
      <c r="B45" s="27" t="s">
        <v>49</v>
      </c>
      <c r="C45" s="28">
        <v>846</v>
      </c>
      <c r="D45" s="29">
        <v>826</v>
      </c>
      <c r="E45" s="29">
        <v>1672</v>
      </c>
      <c r="F45" s="30">
        <v>946</v>
      </c>
      <c r="G45" s="31">
        <v>844</v>
      </c>
      <c r="H45" s="32">
        <v>828</v>
      </c>
      <c r="I45" s="32">
        <v>1672</v>
      </c>
      <c r="J45" s="33">
        <v>946</v>
      </c>
      <c r="K45" s="34">
        <v>-2</v>
      </c>
      <c r="L45" s="35">
        <v>2</v>
      </c>
      <c r="M45" s="35">
        <v>0</v>
      </c>
      <c r="N45" s="36">
        <v>0</v>
      </c>
    </row>
    <row r="46" spans="1:14" ht="23.1" customHeight="1" x14ac:dyDescent="0.2">
      <c r="A46" s="26">
        <v>42</v>
      </c>
      <c r="B46" s="27" t="s">
        <v>50</v>
      </c>
      <c r="C46" s="28">
        <v>1634</v>
      </c>
      <c r="D46" s="29">
        <v>1658</v>
      </c>
      <c r="E46" s="29">
        <v>3292</v>
      </c>
      <c r="F46" s="30">
        <v>1339</v>
      </c>
      <c r="G46" s="31">
        <v>1636</v>
      </c>
      <c r="H46" s="32">
        <v>1661</v>
      </c>
      <c r="I46" s="32">
        <v>3297</v>
      </c>
      <c r="J46" s="33">
        <v>1345</v>
      </c>
      <c r="K46" s="34">
        <v>2</v>
      </c>
      <c r="L46" s="35">
        <v>3</v>
      </c>
      <c r="M46" s="35">
        <v>5</v>
      </c>
      <c r="N46" s="36">
        <v>6</v>
      </c>
    </row>
    <row r="47" spans="1:14" ht="23.1" customHeight="1" x14ac:dyDescent="0.2">
      <c r="A47" s="26">
        <v>43</v>
      </c>
      <c r="B47" s="27" t="s">
        <v>51</v>
      </c>
      <c r="C47" s="28">
        <v>481</v>
      </c>
      <c r="D47" s="29">
        <v>529</v>
      </c>
      <c r="E47" s="29">
        <v>1010</v>
      </c>
      <c r="F47" s="30">
        <v>401</v>
      </c>
      <c r="G47" s="31">
        <v>482</v>
      </c>
      <c r="H47" s="32">
        <v>527</v>
      </c>
      <c r="I47" s="32">
        <v>1009</v>
      </c>
      <c r="J47" s="33">
        <v>399</v>
      </c>
      <c r="K47" s="34">
        <v>1</v>
      </c>
      <c r="L47" s="35">
        <v>-2</v>
      </c>
      <c r="M47" s="35">
        <v>-1</v>
      </c>
      <c r="N47" s="36">
        <v>-2</v>
      </c>
    </row>
    <row r="48" spans="1:14" ht="23.1" customHeight="1" x14ac:dyDescent="0.2">
      <c r="A48" s="26">
        <v>44</v>
      </c>
      <c r="B48" s="27" t="s">
        <v>52</v>
      </c>
      <c r="C48" s="28">
        <v>1610</v>
      </c>
      <c r="D48" s="29">
        <v>1843</v>
      </c>
      <c r="E48" s="29">
        <v>3453</v>
      </c>
      <c r="F48" s="30">
        <v>1585</v>
      </c>
      <c r="G48" s="31">
        <v>1602</v>
      </c>
      <c r="H48" s="32">
        <v>1836</v>
      </c>
      <c r="I48" s="32">
        <v>3438</v>
      </c>
      <c r="J48" s="33">
        <v>1579</v>
      </c>
      <c r="K48" s="34">
        <v>-8</v>
      </c>
      <c r="L48" s="35">
        <v>-7</v>
      </c>
      <c r="M48" s="35">
        <v>-15</v>
      </c>
      <c r="N48" s="36">
        <v>-6</v>
      </c>
    </row>
    <row r="49" spans="1:14" ht="23.1" customHeight="1" x14ac:dyDescent="0.2">
      <c r="A49" s="26">
        <v>45</v>
      </c>
      <c r="B49" s="27" t="s">
        <v>53</v>
      </c>
      <c r="C49" s="28">
        <v>1886</v>
      </c>
      <c r="D49" s="29">
        <v>1973</v>
      </c>
      <c r="E49" s="29">
        <v>3859</v>
      </c>
      <c r="F49" s="30">
        <v>1712</v>
      </c>
      <c r="G49" s="31">
        <v>1883</v>
      </c>
      <c r="H49" s="32">
        <v>1967</v>
      </c>
      <c r="I49" s="32">
        <v>3850</v>
      </c>
      <c r="J49" s="33">
        <v>1709</v>
      </c>
      <c r="K49" s="34">
        <v>-3</v>
      </c>
      <c r="L49" s="35">
        <v>-6</v>
      </c>
      <c r="M49" s="35">
        <v>-9</v>
      </c>
      <c r="N49" s="36">
        <v>-3</v>
      </c>
    </row>
    <row r="50" spans="1:14" ht="23.1" customHeight="1" x14ac:dyDescent="0.2">
      <c r="A50" s="26">
        <v>46</v>
      </c>
      <c r="B50" s="27" t="s">
        <v>54</v>
      </c>
      <c r="C50" s="28">
        <v>920</v>
      </c>
      <c r="D50" s="29">
        <v>922</v>
      </c>
      <c r="E50" s="29">
        <v>1842</v>
      </c>
      <c r="F50" s="30">
        <v>794</v>
      </c>
      <c r="G50" s="31">
        <v>923</v>
      </c>
      <c r="H50" s="32">
        <v>925</v>
      </c>
      <c r="I50" s="32">
        <v>1848</v>
      </c>
      <c r="J50" s="33">
        <v>796</v>
      </c>
      <c r="K50" s="34">
        <v>3</v>
      </c>
      <c r="L50" s="35">
        <v>3</v>
      </c>
      <c r="M50" s="35">
        <v>6</v>
      </c>
      <c r="N50" s="36">
        <v>2</v>
      </c>
    </row>
    <row r="51" spans="1:14" ht="23.1" customHeight="1" x14ac:dyDescent="0.2">
      <c r="A51" s="26">
        <v>47</v>
      </c>
      <c r="B51" s="27" t="s">
        <v>55</v>
      </c>
      <c r="C51" s="28">
        <v>1917</v>
      </c>
      <c r="D51" s="29">
        <v>1937</v>
      </c>
      <c r="E51" s="29">
        <v>3854</v>
      </c>
      <c r="F51" s="30">
        <v>1662</v>
      </c>
      <c r="G51" s="31">
        <v>1916</v>
      </c>
      <c r="H51" s="32">
        <v>1939</v>
      </c>
      <c r="I51" s="32">
        <v>3855</v>
      </c>
      <c r="J51" s="33">
        <v>1667</v>
      </c>
      <c r="K51" s="34">
        <v>-1</v>
      </c>
      <c r="L51" s="35">
        <v>2</v>
      </c>
      <c r="M51" s="35">
        <v>1</v>
      </c>
      <c r="N51" s="36">
        <v>5</v>
      </c>
    </row>
    <row r="52" spans="1:14" ht="23.1" customHeight="1" x14ac:dyDescent="0.2">
      <c r="A52" s="26">
        <v>48</v>
      </c>
      <c r="B52" s="27" t="s">
        <v>56</v>
      </c>
      <c r="C52" s="28">
        <v>817</v>
      </c>
      <c r="D52" s="29">
        <v>841</v>
      </c>
      <c r="E52" s="29">
        <v>1658</v>
      </c>
      <c r="F52" s="30">
        <v>607</v>
      </c>
      <c r="G52" s="31">
        <v>814</v>
      </c>
      <c r="H52" s="32">
        <v>837</v>
      </c>
      <c r="I52" s="32">
        <v>1651</v>
      </c>
      <c r="J52" s="33">
        <v>606</v>
      </c>
      <c r="K52" s="34">
        <v>-3</v>
      </c>
      <c r="L52" s="35">
        <v>-4</v>
      </c>
      <c r="M52" s="35">
        <v>-7</v>
      </c>
      <c r="N52" s="36">
        <v>-1</v>
      </c>
    </row>
    <row r="53" spans="1:14" ht="23.1" customHeight="1" x14ac:dyDescent="0.2">
      <c r="A53" s="26">
        <v>49</v>
      </c>
      <c r="B53" s="27" t="s">
        <v>57</v>
      </c>
      <c r="C53" s="28">
        <v>4395</v>
      </c>
      <c r="D53" s="29">
        <v>4537</v>
      </c>
      <c r="E53" s="29">
        <v>8932</v>
      </c>
      <c r="F53" s="30">
        <v>4258</v>
      </c>
      <c r="G53" s="31">
        <v>4386</v>
      </c>
      <c r="H53" s="32">
        <v>4543</v>
      </c>
      <c r="I53" s="32">
        <v>8929</v>
      </c>
      <c r="J53" s="33">
        <v>4261</v>
      </c>
      <c r="K53" s="34">
        <v>-9</v>
      </c>
      <c r="L53" s="35">
        <v>6</v>
      </c>
      <c r="M53" s="35">
        <v>-3</v>
      </c>
      <c r="N53" s="36">
        <v>3</v>
      </c>
    </row>
    <row r="54" spans="1:14" ht="23.1" customHeight="1" x14ac:dyDescent="0.2">
      <c r="A54" s="26">
        <v>50</v>
      </c>
      <c r="B54" s="27" t="s">
        <v>58</v>
      </c>
      <c r="C54" s="28">
        <v>6334</v>
      </c>
      <c r="D54" s="29">
        <v>6277</v>
      </c>
      <c r="E54" s="29">
        <v>12611</v>
      </c>
      <c r="F54" s="30">
        <v>5748</v>
      </c>
      <c r="G54" s="31">
        <v>6331</v>
      </c>
      <c r="H54" s="32">
        <v>6289</v>
      </c>
      <c r="I54" s="32">
        <v>12620</v>
      </c>
      <c r="J54" s="33">
        <v>5744</v>
      </c>
      <c r="K54" s="34">
        <v>-3</v>
      </c>
      <c r="L54" s="35">
        <v>12</v>
      </c>
      <c r="M54" s="35">
        <v>9</v>
      </c>
      <c r="N54" s="36">
        <v>-4</v>
      </c>
    </row>
    <row r="55" spans="1:14" ht="23.1" customHeight="1" x14ac:dyDescent="0.2">
      <c r="A55" s="26">
        <v>99</v>
      </c>
      <c r="B55" s="27" t="s">
        <v>59</v>
      </c>
      <c r="C55" s="28">
        <v>155079</v>
      </c>
      <c r="D55" s="29">
        <v>163102</v>
      </c>
      <c r="E55" s="29">
        <v>318181</v>
      </c>
      <c r="F55" s="30">
        <v>145164</v>
      </c>
      <c r="G55" s="31">
        <v>154940</v>
      </c>
      <c r="H55" s="32">
        <v>163040</v>
      </c>
      <c r="I55" s="32">
        <v>317980</v>
      </c>
      <c r="J55" s="33">
        <v>145129</v>
      </c>
      <c r="K55" s="34">
        <v>-139</v>
      </c>
      <c r="L55" s="35">
        <v>-62</v>
      </c>
      <c r="M55" s="35">
        <v>-201</v>
      </c>
      <c r="N55" s="36">
        <v>-35</v>
      </c>
    </row>
    <row r="56" spans="1:14" ht="23.1" customHeight="1" x14ac:dyDescent="0.2">
      <c r="A56" s="37">
        <v>101</v>
      </c>
      <c r="B56" s="38" t="s">
        <v>60</v>
      </c>
      <c r="C56" s="28">
        <v>145</v>
      </c>
      <c r="D56" s="29">
        <v>163</v>
      </c>
      <c r="E56" s="29">
        <v>308</v>
      </c>
      <c r="F56" s="30">
        <v>132</v>
      </c>
      <c r="G56" s="31">
        <v>147</v>
      </c>
      <c r="H56" s="32">
        <v>163</v>
      </c>
      <c r="I56" s="32">
        <v>310</v>
      </c>
      <c r="J56" s="33">
        <v>133</v>
      </c>
      <c r="K56" s="34">
        <v>2</v>
      </c>
      <c r="L56" s="35">
        <v>0</v>
      </c>
      <c r="M56" s="35">
        <v>2</v>
      </c>
      <c r="N56" s="36">
        <v>1</v>
      </c>
    </row>
    <row r="57" spans="1:14" ht="23.1" customHeight="1" x14ac:dyDescent="0.2">
      <c r="A57" s="37">
        <v>102</v>
      </c>
      <c r="B57" s="38" t="s">
        <v>61</v>
      </c>
      <c r="C57" s="28">
        <v>128</v>
      </c>
      <c r="D57" s="29">
        <v>129</v>
      </c>
      <c r="E57" s="29">
        <v>257</v>
      </c>
      <c r="F57" s="30">
        <v>111</v>
      </c>
      <c r="G57" s="31">
        <v>127</v>
      </c>
      <c r="H57" s="32">
        <v>126</v>
      </c>
      <c r="I57" s="32">
        <v>253</v>
      </c>
      <c r="J57" s="33">
        <v>108</v>
      </c>
      <c r="K57" s="34">
        <v>-1</v>
      </c>
      <c r="L57" s="35">
        <v>-3</v>
      </c>
      <c r="M57" s="35">
        <v>-4</v>
      </c>
      <c r="N57" s="36">
        <v>-3</v>
      </c>
    </row>
    <row r="58" spans="1:14" ht="23.1" customHeight="1" x14ac:dyDescent="0.2">
      <c r="A58" s="37">
        <v>103</v>
      </c>
      <c r="B58" s="38" t="s">
        <v>62</v>
      </c>
      <c r="C58" s="28">
        <v>1023</v>
      </c>
      <c r="D58" s="29">
        <v>999</v>
      </c>
      <c r="E58" s="29">
        <v>2022</v>
      </c>
      <c r="F58" s="30">
        <v>1020</v>
      </c>
      <c r="G58" s="31">
        <v>1023</v>
      </c>
      <c r="H58" s="32">
        <v>994</v>
      </c>
      <c r="I58" s="32">
        <v>2017</v>
      </c>
      <c r="J58" s="33">
        <v>1014</v>
      </c>
      <c r="K58" s="34">
        <v>0</v>
      </c>
      <c r="L58" s="35">
        <v>-5</v>
      </c>
      <c r="M58" s="35">
        <v>-5</v>
      </c>
      <c r="N58" s="36">
        <v>-6</v>
      </c>
    </row>
    <row r="59" spans="1:14" ht="23.1" customHeight="1" x14ac:dyDescent="0.2">
      <c r="A59" s="37">
        <v>104</v>
      </c>
      <c r="B59" s="38" t="s">
        <v>63</v>
      </c>
      <c r="C59" s="28">
        <v>5409</v>
      </c>
      <c r="D59" s="29">
        <v>5775</v>
      </c>
      <c r="E59" s="29">
        <v>11184</v>
      </c>
      <c r="F59" s="30">
        <v>4733</v>
      </c>
      <c r="G59" s="31">
        <v>5397</v>
      </c>
      <c r="H59" s="32">
        <v>5761</v>
      </c>
      <c r="I59" s="32">
        <v>11158</v>
      </c>
      <c r="J59" s="33">
        <v>4727</v>
      </c>
      <c r="K59" s="34">
        <v>-12</v>
      </c>
      <c r="L59" s="35">
        <v>-14</v>
      </c>
      <c r="M59" s="35">
        <v>-26</v>
      </c>
      <c r="N59" s="36">
        <v>-6</v>
      </c>
    </row>
    <row r="60" spans="1:14" ht="23.1" customHeight="1" x14ac:dyDescent="0.2">
      <c r="A60" s="37">
        <v>105</v>
      </c>
      <c r="B60" s="38" t="s">
        <v>64</v>
      </c>
      <c r="C60" s="28">
        <v>3823</v>
      </c>
      <c r="D60" s="29">
        <v>3899</v>
      </c>
      <c r="E60" s="29">
        <v>7722</v>
      </c>
      <c r="F60" s="30">
        <v>3037</v>
      </c>
      <c r="G60" s="31">
        <v>3829</v>
      </c>
      <c r="H60" s="32">
        <v>3909</v>
      </c>
      <c r="I60" s="32">
        <v>7738</v>
      </c>
      <c r="J60" s="33">
        <v>3038</v>
      </c>
      <c r="K60" s="34">
        <v>6</v>
      </c>
      <c r="L60" s="35">
        <v>10</v>
      </c>
      <c r="M60" s="35">
        <v>16</v>
      </c>
      <c r="N60" s="36">
        <v>1</v>
      </c>
    </row>
    <row r="61" spans="1:14" ht="23.1" customHeight="1" x14ac:dyDescent="0.2">
      <c r="A61" s="37">
        <v>199</v>
      </c>
      <c r="B61" s="38" t="s">
        <v>65</v>
      </c>
      <c r="C61" s="28">
        <v>10528</v>
      </c>
      <c r="D61" s="29">
        <v>10965</v>
      </c>
      <c r="E61" s="29">
        <v>21493</v>
      </c>
      <c r="F61" s="30">
        <v>9033</v>
      </c>
      <c r="G61" s="31">
        <v>10523</v>
      </c>
      <c r="H61" s="32">
        <v>10953</v>
      </c>
      <c r="I61" s="32">
        <v>21476</v>
      </c>
      <c r="J61" s="33">
        <v>9020</v>
      </c>
      <c r="K61" s="34">
        <v>-5</v>
      </c>
      <c r="L61" s="35">
        <v>-12</v>
      </c>
      <c r="M61" s="35">
        <v>-17</v>
      </c>
      <c r="N61" s="36">
        <v>-13</v>
      </c>
    </row>
    <row r="62" spans="1:14" ht="23.1" customHeight="1" x14ac:dyDescent="0.2">
      <c r="A62" s="37">
        <v>201</v>
      </c>
      <c r="B62" s="38" t="s">
        <v>66</v>
      </c>
      <c r="C62" s="28">
        <v>1268</v>
      </c>
      <c r="D62" s="29">
        <v>1381</v>
      </c>
      <c r="E62" s="29">
        <v>2649</v>
      </c>
      <c r="F62" s="30">
        <v>1143</v>
      </c>
      <c r="G62" s="31">
        <v>1264</v>
      </c>
      <c r="H62" s="32">
        <v>1377</v>
      </c>
      <c r="I62" s="32">
        <v>2641</v>
      </c>
      <c r="J62" s="33">
        <v>1142</v>
      </c>
      <c r="K62" s="34">
        <v>-4</v>
      </c>
      <c r="L62" s="35">
        <v>-4</v>
      </c>
      <c r="M62" s="35">
        <v>-8</v>
      </c>
      <c r="N62" s="36">
        <v>-1</v>
      </c>
    </row>
    <row r="63" spans="1:14" ht="23.1" customHeight="1" x14ac:dyDescent="0.2">
      <c r="A63" s="37">
        <v>202</v>
      </c>
      <c r="B63" s="38" t="s">
        <v>67</v>
      </c>
      <c r="C63" s="28">
        <v>365</v>
      </c>
      <c r="D63" s="29">
        <v>448</v>
      </c>
      <c r="E63" s="29">
        <v>813</v>
      </c>
      <c r="F63" s="30">
        <v>367</v>
      </c>
      <c r="G63" s="31">
        <v>365</v>
      </c>
      <c r="H63" s="32">
        <v>446</v>
      </c>
      <c r="I63" s="32">
        <v>811</v>
      </c>
      <c r="J63" s="33">
        <v>366</v>
      </c>
      <c r="K63" s="34">
        <v>0</v>
      </c>
      <c r="L63" s="35">
        <v>-2</v>
      </c>
      <c r="M63" s="35">
        <v>-2</v>
      </c>
      <c r="N63" s="36">
        <v>-1</v>
      </c>
    </row>
    <row r="64" spans="1:14" ht="23.1" customHeight="1" x14ac:dyDescent="0.2">
      <c r="A64" s="37">
        <v>203</v>
      </c>
      <c r="B64" s="38" t="s">
        <v>68</v>
      </c>
      <c r="C64" s="28">
        <v>2402</v>
      </c>
      <c r="D64" s="29">
        <v>2492</v>
      </c>
      <c r="E64" s="29">
        <v>4894</v>
      </c>
      <c r="F64" s="30">
        <v>1863</v>
      </c>
      <c r="G64" s="31">
        <v>2402</v>
      </c>
      <c r="H64" s="32">
        <v>2495</v>
      </c>
      <c r="I64" s="32">
        <v>4897</v>
      </c>
      <c r="J64" s="33">
        <v>1864</v>
      </c>
      <c r="K64" s="34">
        <v>0</v>
      </c>
      <c r="L64" s="35">
        <v>3</v>
      </c>
      <c r="M64" s="35">
        <v>3</v>
      </c>
      <c r="N64" s="36">
        <v>1</v>
      </c>
    </row>
    <row r="65" spans="1:14" ht="23.1" customHeight="1" x14ac:dyDescent="0.2">
      <c r="A65" s="37">
        <v>204</v>
      </c>
      <c r="B65" s="38" t="s">
        <v>69</v>
      </c>
      <c r="C65" s="28">
        <v>404</v>
      </c>
      <c r="D65" s="29">
        <v>434</v>
      </c>
      <c r="E65" s="29">
        <v>838</v>
      </c>
      <c r="F65" s="30">
        <v>348</v>
      </c>
      <c r="G65" s="31">
        <v>405</v>
      </c>
      <c r="H65" s="32">
        <v>434</v>
      </c>
      <c r="I65" s="32">
        <v>839</v>
      </c>
      <c r="J65" s="33">
        <v>349</v>
      </c>
      <c r="K65" s="34">
        <v>1</v>
      </c>
      <c r="L65" s="35">
        <v>0</v>
      </c>
      <c r="M65" s="35">
        <v>1</v>
      </c>
      <c r="N65" s="36">
        <v>1</v>
      </c>
    </row>
    <row r="66" spans="1:14" ht="23.1" customHeight="1" x14ac:dyDescent="0.2">
      <c r="A66" s="37">
        <v>299</v>
      </c>
      <c r="B66" s="38" t="s">
        <v>70</v>
      </c>
      <c r="C66" s="28">
        <v>4439</v>
      </c>
      <c r="D66" s="29">
        <v>4755</v>
      </c>
      <c r="E66" s="29">
        <v>9194</v>
      </c>
      <c r="F66" s="30">
        <v>3721</v>
      </c>
      <c r="G66" s="31">
        <v>4436</v>
      </c>
      <c r="H66" s="32">
        <v>4752</v>
      </c>
      <c r="I66" s="32">
        <v>9188</v>
      </c>
      <c r="J66" s="33">
        <v>3721</v>
      </c>
      <c r="K66" s="34">
        <v>-3</v>
      </c>
      <c r="L66" s="35">
        <v>-3</v>
      </c>
      <c r="M66" s="35">
        <v>-6</v>
      </c>
      <c r="N66" s="36">
        <v>0</v>
      </c>
    </row>
    <row r="67" spans="1:14" ht="23.1" customHeight="1" x14ac:dyDescent="0.2">
      <c r="A67" s="37">
        <v>301</v>
      </c>
      <c r="B67" s="38" t="s">
        <v>71</v>
      </c>
      <c r="C67" s="28">
        <v>949</v>
      </c>
      <c r="D67" s="29">
        <v>1047</v>
      </c>
      <c r="E67" s="29">
        <v>1996</v>
      </c>
      <c r="F67" s="30">
        <v>858</v>
      </c>
      <c r="G67" s="31">
        <v>946</v>
      </c>
      <c r="H67" s="32">
        <v>1045</v>
      </c>
      <c r="I67" s="32">
        <v>1991</v>
      </c>
      <c r="J67" s="33">
        <v>859</v>
      </c>
      <c r="K67" s="34">
        <v>-3</v>
      </c>
      <c r="L67" s="35">
        <v>-2</v>
      </c>
      <c r="M67" s="35">
        <v>-5</v>
      </c>
      <c r="N67" s="36">
        <v>1</v>
      </c>
    </row>
    <row r="68" spans="1:14" ht="23.1" customHeight="1" x14ac:dyDescent="0.2">
      <c r="A68" s="37">
        <v>302</v>
      </c>
      <c r="B68" s="38" t="s">
        <v>72</v>
      </c>
      <c r="C68" s="28">
        <v>3476</v>
      </c>
      <c r="D68" s="29">
        <v>3454</v>
      </c>
      <c r="E68" s="29">
        <v>6930</v>
      </c>
      <c r="F68" s="30">
        <v>2885</v>
      </c>
      <c r="G68" s="31">
        <v>3470</v>
      </c>
      <c r="H68" s="32">
        <v>3440</v>
      </c>
      <c r="I68" s="32">
        <v>6910</v>
      </c>
      <c r="J68" s="33">
        <v>2883</v>
      </c>
      <c r="K68" s="34">
        <v>-6</v>
      </c>
      <c r="L68" s="35">
        <v>-14</v>
      </c>
      <c r="M68" s="35">
        <v>-20</v>
      </c>
      <c r="N68" s="36">
        <v>-2</v>
      </c>
    </row>
    <row r="69" spans="1:14" ht="23.1" customHeight="1" x14ac:dyDescent="0.2">
      <c r="A69" s="37">
        <v>303</v>
      </c>
      <c r="B69" s="38" t="s">
        <v>73</v>
      </c>
      <c r="C69" s="28">
        <v>3323</v>
      </c>
      <c r="D69" s="29">
        <v>3477</v>
      </c>
      <c r="E69" s="29">
        <v>6800</v>
      </c>
      <c r="F69" s="30">
        <v>2451</v>
      </c>
      <c r="G69" s="31">
        <v>3309</v>
      </c>
      <c r="H69" s="32">
        <v>3474</v>
      </c>
      <c r="I69" s="32">
        <v>6783</v>
      </c>
      <c r="J69" s="33">
        <v>2445</v>
      </c>
      <c r="K69" s="34">
        <v>-14</v>
      </c>
      <c r="L69" s="35">
        <v>-3</v>
      </c>
      <c r="M69" s="35">
        <v>-17</v>
      </c>
      <c r="N69" s="36">
        <v>-6</v>
      </c>
    </row>
    <row r="70" spans="1:14" ht="23.1" customHeight="1" x14ac:dyDescent="0.2">
      <c r="A70" s="37">
        <v>304</v>
      </c>
      <c r="B70" s="38" t="s">
        <v>74</v>
      </c>
      <c r="C70" s="28">
        <v>367</v>
      </c>
      <c r="D70" s="29">
        <v>404</v>
      </c>
      <c r="E70" s="29">
        <v>771</v>
      </c>
      <c r="F70" s="30">
        <v>317</v>
      </c>
      <c r="G70" s="31">
        <v>370</v>
      </c>
      <c r="H70" s="32">
        <v>408</v>
      </c>
      <c r="I70" s="32">
        <v>778</v>
      </c>
      <c r="J70" s="33">
        <v>319</v>
      </c>
      <c r="K70" s="34">
        <v>3</v>
      </c>
      <c r="L70" s="35">
        <v>4</v>
      </c>
      <c r="M70" s="35">
        <v>7</v>
      </c>
      <c r="N70" s="36">
        <v>2</v>
      </c>
    </row>
    <row r="71" spans="1:14" ht="23.1" customHeight="1" x14ac:dyDescent="0.2">
      <c r="A71" s="37">
        <v>305</v>
      </c>
      <c r="B71" s="38" t="s">
        <v>75</v>
      </c>
      <c r="C71" s="28">
        <v>173</v>
      </c>
      <c r="D71" s="29">
        <v>215</v>
      </c>
      <c r="E71" s="29">
        <v>388</v>
      </c>
      <c r="F71" s="30">
        <v>155</v>
      </c>
      <c r="G71" s="31">
        <v>173</v>
      </c>
      <c r="H71" s="32">
        <v>215</v>
      </c>
      <c r="I71" s="32">
        <v>388</v>
      </c>
      <c r="J71" s="33">
        <v>155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6</v>
      </c>
      <c r="C72" s="28">
        <v>547</v>
      </c>
      <c r="D72" s="29">
        <v>609</v>
      </c>
      <c r="E72" s="29">
        <v>1156</v>
      </c>
      <c r="F72" s="30">
        <v>411</v>
      </c>
      <c r="G72" s="31">
        <v>548</v>
      </c>
      <c r="H72" s="32">
        <v>609</v>
      </c>
      <c r="I72" s="32">
        <v>1157</v>
      </c>
      <c r="J72" s="33">
        <v>411</v>
      </c>
      <c r="K72" s="34">
        <v>1</v>
      </c>
      <c r="L72" s="35">
        <v>0</v>
      </c>
      <c r="M72" s="35">
        <v>1</v>
      </c>
      <c r="N72" s="36">
        <v>0</v>
      </c>
    </row>
    <row r="73" spans="1:14" ht="23.1" customHeight="1" x14ac:dyDescent="0.2">
      <c r="A73" s="37">
        <v>307</v>
      </c>
      <c r="B73" s="38" t="s">
        <v>77</v>
      </c>
      <c r="C73" s="28">
        <v>334</v>
      </c>
      <c r="D73" s="29">
        <v>353</v>
      </c>
      <c r="E73" s="29">
        <v>687</v>
      </c>
      <c r="F73" s="30">
        <v>337</v>
      </c>
      <c r="G73" s="31">
        <v>335</v>
      </c>
      <c r="H73" s="32">
        <v>351</v>
      </c>
      <c r="I73" s="32">
        <v>686</v>
      </c>
      <c r="J73" s="33">
        <v>338</v>
      </c>
      <c r="K73" s="34">
        <v>1</v>
      </c>
      <c r="L73" s="35">
        <v>-2</v>
      </c>
      <c r="M73" s="35">
        <v>-1</v>
      </c>
      <c r="N73" s="36">
        <v>1</v>
      </c>
    </row>
    <row r="74" spans="1:14" ht="23.1" customHeight="1" x14ac:dyDescent="0.2">
      <c r="A74" s="37">
        <v>308</v>
      </c>
      <c r="B74" s="38" t="s">
        <v>78</v>
      </c>
      <c r="C74" s="28">
        <v>66</v>
      </c>
      <c r="D74" s="29">
        <v>79</v>
      </c>
      <c r="E74" s="29">
        <v>145</v>
      </c>
      <c r="F74" s="30">
        <v>67</v>
      </c>
      <c r="G74" s="31">
        <v>66</v>
      </c>
      <c r="H74" s="32">
        <v>79</v>
      </c>
      <c r="I74" s="32">
        <v>145</v>
      </c>
      <c r="J74" s="33">
        <v>67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79</v>
      </c>
      <c r="C75" s="28">
        <v>30</v>
      </c>
      <c r="D75" s="29">
        <v>19</v>
      </c>
      <c r="E75" s="29">
        <v>49</v>
      </c>
      <c r="F75" s="30">
        <v>34</v>
      </c>
      <c r="G75" s="31">
        <v>30</v>
      </c>
      <c r="H75" s="32">
        <v>19</v>
      </c>
      <c r="I75" s="32">
        <v>49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0</v>
      </c>
      <c r="C76" s="28">
        <v>9265</v>
      </c>
      <c r="D76" s="29">
        <v>9657</v>
      </c>
      <c r="E76" s="29">
        <v>18922</v>
      </c>
      <c r="F76" s="30">
        <v>7515</v>
      </c>
      <c r="G76" s="31">
        <v>9247</v>
      </c>
      <c r="H76" s="32">
        <v>9640</v>
      </c>
      <c r="I76" s="32">
        <v>18887</v>
      </c>
      <c r="J76" s="33">
        <v>7511</v>
      </c>
      <c r="K76" s="34">
        <v>-18</v>
      </c>
      <c r="L76" s="35">
        <v>-17</v>
      </c>
      <c r="M76" s="35">
        <v>-35</v>
      </c>
      <c r="N76" s="36">
        <v>-4</v>
      </c>
    </row>
    <row r="77" spans="1:14" ht="23.1" customHeight="1" x14ac:dyDescent="0.2">
      <c r="A77" s="37">
        <v>401</v>
      </c>
      <c r="B77" s="38" t="s">
        <v>81</v>
      </c>
      <c r="C77" s="28">
        <v>5923</v>
      </c>
      <c r="D77" s="29">
        <v>6061</v>
      </c>
      <c r="E77" s="29">
        <v>11984</v>
      </c>
      <c r="F77" s="30">
        <v>4753</v>
      </c>
      <c r="G77" s="31">
        <v>5920</v>
      </c>
      <c r="H77" s="32">
        <v>6061</v>
      </c>
      <c r="I77" s="32">
        <v>11981</v>
      </c>
      <c r="J77" s="33">
        <v>4761</v>
      </c>
      <c r="K77" s="34">
        <v>-3</v>
      </c>
      <c r="L77" s="35">
        <v>0</v>
      </c>
      <c r="M77" s="35">
        <v>-3</v>
      </c>
      <c r="N77" s="36">
        <v>8</v>
      </c>
    </row>
    <row r="78" spans="1:14" ht="23.1" customHeight="1" x14ac:dyDescent="0.2">
      <c r="A78" s="37">
        <v>402</v>
      </c>
      <c r="B78" s="38" t="s">
        <v>82</v>
      </c>
      <c r="C78" s="28">
        <v>5834</v>
      </c>
      <c r="D78" s="29">
        <v>6068</v>
      </c>
      <c r="E78" s="29">
        <v>11902</v>
      </c>
      <c r="F78" s="30">
        <v>4702</v>
      </c>
      <c r="G78" s="31">
        <v>5830</v>
      </c>
      <c r="H78" s="32">
        <v>6067</v>
      </c>
      <c r="I78" s="32">
        <v>11897</v>
      </c>
      <c r="J78" s="33">
        <v>4706</v>
      </c>
      <c r="K78" s="34">
        <v>-4</v>
      </c>
      <c r="L78" s="35">
        <v>-1</v>
      </c>
      <c r="M78" s="35">
        <v>-5</v>
      </c>
      <c r="N78" s="36">
        <v>4</v>
      </c>
    </row>
    <row r="79" spans="1:14" ht="23.1" customHeight="1" x14ac:dyDescent="0.2">
      <c r="A79" s="37">
        <v>403</v>
      </c>
      <c r="B79" s="38" t="s">
        <v>83</v>
      </c>
      <c r="C79" s="28">
        <v>680</v>
      </c>
      <c r="D79" s="29">
        <v>741</v>
      </c>
      <c r="E79" s="29">
        <v>1421</v>
      </c>
      <c r="F79" s="30">
        <v>503</v>
      </c>
      <c r="G79" s="31">
        <v>679</v>
      </c>
      <c r="H79" s="32">
        <v>744</v>
      </c>
      <c r="I79" s="32">
        <v>1423</v>
      </c>
      <c r="J79" s="33">
        <v>504</v>
      </c>
      <c r="K79" s="34">
        <v>-1</v>
      </c>
      <c r="L79" s="35">
        <v>3</v>
      </c>
      <c r="M79" s="35">
        <v>2</v>
      </c>
      <c r="N79" s="36">
        <v>1</v>
      </c>
    </row>
    <row r="80" spans="1:14" ht="23.1" customHeight="1" x14ac:dyDescent="0.2">
      <c r="A80" s="37">
        <v>404</v>
      </c>
      <c r="B80" s="38" t="s">
        <v>84</v>
      </c>
      <c r="C80" s="28">
        <v>1089</v>
      </c>
      <c r="D80" s="29">
        <v>1157</v>
      </c>
      <c r="E80" s="29">
        <v>2246</v>
      </c>
      <c r="F80" s="30">
        <v>812</v>
      </c>
      <c r="G80" s="31">
        <v>1084</v>
      </c>
      <c r="H80" s="32">
        <v>1160</v>
      </c>
      <c r="I80" s="32">
        <v>2244</v>
      </c>
      <c r="J80" s="33">
        <v>811</v>
      </c>
      <c r="K80" s="34">
        <v>-5</v>
      </c>
      <c r="L80" s="35">
        <v>3</v>
      </c>
      <c r="M80" s="35">
        <v>-2</v>
      </c>
      <c r="N80" s="36">
        <v>-1</v>
      </c>
    </row>
    <row r="81" spans="1:14" ht="23.1" customHeight="1" x14ac:dyDescent="0.2">
      <c r="A81" s="37">
        <v>405</v>
      </c>
      <c r="B81" s="38" t="s">
        <v>85</v>
      </c>
      <c r="C81" s="28">
        <v>1781</v>
      </c>
      <c r="D81" s="29">
        <v>1851</v>
      </c>
      <c r="E81" s="29">
        <v>3632</v>
      </c>
      <c r="F81" s="30">
        <v>1401</v>
      </c>
      <c r="G81" s="31">
        <v>1782</v>
      </c>
      <c r="H81" s="32">
        <v>1853</v>
      </c>
      <c r="I81" s="32">
        <v>3635</v>
      </c>
      <c r="J81" s="33">
        <v>1403</v>
      </c>
      <c r="K81" s="34">
        <v>1</v>
      </c>
      <c r="L81" s="35">
        <v>2</v>
      </c>
      <c r="M81" s="35">
        <v>3</v>
      </c>
      <c r="N81" s="36">
        <v>2</v>
      </c>
    </row>
    <row r="82" spans="1:14" ht="23.1" customHeight="1" x14ac:dyDescent="0.2">
      <c r="A82" s="37">
        <v>406</v>
      </c>
      <c r="B82" s="38" t="s">
        <v>86</v>
      </c>
      <c r="C82" s="28">
        <v>1855</v>
      </c>
      <c r="D82" s="29">
        <v>1967</v>
      </c>
      <c r="E82" s="29">
        <v>3822</v>
      </c>
      <c r="F82" s="30">
        <v>1543</v>
      </c>
      <c r="G82" s="31">
        <v>1853</v>
      </c>
      <c r="H82" s="32">
        <v>1961</v>
      </c>
      <c r="I82" s="32">
        <v>3814</v>
      </c>
      <c r="J82" s="33">
        <v>1544</v>
      </c>
      <c r="K82" s="34">
        <v>-2</v>
      </c>
      <c r="L82" s="35">
        <v>-6</v>
      </c>
      <c r="M82" s="35">
        <v>-8</v>
      </c>
      <c r="N82" s="36">
        <v>1</v>
      </c>
    </row>
    <row r="83" spans="1:14" ht="23.1" customHeight="1" x14ac:dyDescent="0.2">
      <c r="A83" s="37">
        <v>407</v>
      </c>
      <c r="B83" s="38" t="s">
        <v>87</v>
      </c>
      <c r="C83" s="28">
        <v>645</v>
      </c>
      <c r="D83" s="29">
        <v>672</v>
      </c>
      <c r="E83" s="29">
        <v>1317</v>
      </c>
      <c r="F83" s="30">
        <v>490</v>
      </c>
      <c r="G83" s="31">
        <v>647</v>
      </c>
      <c r="H83" s="32">
        <v>672</v>
      </c>
      <c r="I83" s="32">
        <v>1319</v>
      </c>
      <c r="J83" s="33">
        <v>491</v>
      </c>
      <c r="K83" s="34">
        <v>2</v>
      </c>
      <c r="L83" s="35">
        <v>0</v>
      </c>
      <c r="M83" s="35">
        <v>2</v>
      </c>
      <c r="N83" s="36">
        <v>1</v>
      </c>
    </row>
    <row r="84" spans="1:14" ht="23.1" customHeight="1" x14ac:dyDescent="0.2">
      <c r="A84" s="37">
        <v>408</v>
      </c>
      <c r="B84" s="38" t="s">
        <v>88</v>
      </c>
      <c r="C84" s="28">
        <v>2355</v>
      </c>
      <c r="D84" s="29">
        <v>2488</v>
      </c>
      <c r="E84" s="29">
        <v>4843</v>
      </c>
      <c r="F84" s="30">
        <v>1729</v>
      </c>
      <c r="G84" s="31">
        <v>2352</v>
      </c>
      <c r="H84" s="32">
        <v>2486</v>
      </c>
      <c r="I84" s="32">
        <v>4838</v>
      </c>
      <c r="J84" s="33">
        <v>1727</v>
      </c>
      <c r="K84" s="34">
        <v>-3</v>
      </c>
      <c r="L84" s="35">
        <v>-2</v>
      </c>
      <c r="M84" s="35">
        <v>-5</v>
      </c>
      <c r="N84" s="36">
        <v>-2</v>
      </c>
    </row>
    <row r="85" spans="1:14" ht="23.1" customHeight="1" x14ac:dyDescent="0.2">
      <c r="A85" s="37">
        <v>499</v>
      </c>
      <c r="B85" s="38" t="s">
        <v>89</v>
      </c>
      <c r="C85" s="28">
        <v>20162</v>
      </c>
      <c r="D85" s="29">
        <v>21005</v>
      </c>
      <c r="E85" s="29">
        <v>41167</v>
      </c>
      <c r="F85" s="30">
        <v>15933</v>
      </c>
      <c r="G85" s="31">
        <v>20147</v>
      </c>
      <c r="H85" s="32">
        <v>21004</v>
      </c>
      <c r="I85" s="32">
        <v>41151</v>
      </c>
      <c r="J85" s="33">
        <v>15947</v>
      </c>
      <c r="K85" s="34">
        <v>-15</v>
      </c>
      <c r="L85" s="35">
        <v>-1</v>
      </c>
      <c r="M85" s="35">
        <v>-16</v>
      </c>
      <c r="N85" s="36">
        <v>14</v>
      </c>
    </row>
    <row r="86" spans="1:14" ht="23.1" customHeight="1" x14ac:dyDescent="0.2">
      <c r="A86" s="37">
        <v>501</v>
      </c>
      <c r="B86" s="38" t="s">
        <v>90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1</v>
      </c>
      <c r="C87" s="28">
        <v>427</v>
      </c>
      <c r="D87" s="29">
        <v>460</v>
      </c>
      <c r="E87" s="29">
        <v>887</v>
      </c>
      <c r="F87" s="30">
        <v>319</v>
      </c>
      <c r="G87" s="31">
        <v>426</v>
      </c>
      <c r="H87" s="32">
        <v>456</v>
      </c>
      <c r="I87" s="32">
        <v>882</v>
      </c>
      <c r="J87" s="33">
        <v>317</v>
      </c>
      <c r="K87" s="34">
        <v>-1</v>
      </c>
      <c r="L87" s="35">
        <v>-4</v>
      </c>
      <c r="M87" s="35">
        <v>-5</v>
      </c>
      <c r="N87" s="36">
        <v>-2</v>
      </c>
    </row>
    <row r="88" spans="1:14" ht="23.1" customHeight="1" x14ac:dyDescent="0.2">
      <c r="A88" s="37">
        <v>503</v>
      </c>
      <c r="B88" s="38" t="s">
        <v>92</v>
      </c>
      <c r="C88" s="28">
        <v>84</v>
      </c>
      <c r="D88" s="29">
        <v>78</v>
      </c>
      <c r="E88" s="29">
        <v>162</v>
      </c>
      <c r="F88" s="30">
        <v>59</v>
      </c>
      <c r="G88" s="31">
        <v>84</v>
      </c>
      <c r="H88" s="32">
        <v>78</v>
      </c>
      <c r="I88" s="32">
        <v>162</v>
      </c>
      <c r="J88" s="33">
        <v>59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3</v>
      </c>
      <c r="C89" s="28">
        <v>140</v>
      </c>
      <c r="D89" s="29">
        <v>135</v>
      </c>
      <c r="E89" s="29">
        <v>275</v>
      </c>
      <c r="F89" s="30">
        <v>125</v>
      </c>
      <c r="G89" s="31">
        <v>140</v>
      </c>
      <c r="H89" s="32">
        <v>135</v>
      </c>
      <c r="I89" s="32">
        <v>275</v>
      </c>
      <c r="J89" s="33">
        <v>125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4</v>
      </c>
      <c r="C90" s="28">
        <v>655</v>
      </c>
      <c r="D90" s="29">
        <v>680</v>
      </c>
      <c r="E90" s="29">
        <v>1335</v>
      </c>
      <c r="F90" s="30">
        <v>507</v>
      </c>
      <c r="G90" s="31">
        <v>654</v>
      </c>
      <c r="H90" s="32">
        <v>676</v>
      </c>
      <c r="I90" s="32">
        <v>1330</v>
      </c>
      <c r="J90" s="33">
        <v>505</v>
      </c>
      <c r="K90" s="34">
        <v>-1</v>
      </c>
      <c r="L90" s="35">
        <v>-4</v>
      </c>
      <c r="M90" s="35">
        <v>-5</v>
      </c>
      <c r="N90" s="36">
        <v>-2</v>
      </c>
    </row>
    <row r="91" spans="1:14" ht="23.1" customHeight="1" x14ac:dyDescent="0.2">
      <c r="A91" s="37">
        <v>601</v>
      </c>
      <c r="B91" s="38" t="s">
        <v>95</v>
      </c>
      <c r="C91" s="28">
        <v>463</v>
      </c>
      <c r="D91" s="29">
        <v>485</v>
      </c>
      <c r="E91" s="29">
        <v>948</v>
      </c>
      <c r="F91" s="30">
        <v>388</v>
      </c>
      <c r="G91" s="31">
        <v>464</v>
      </c>
      <c r="H91" s="32">
        <v>485</v>
      </c>
      <c r="I91" s="32">
        <v>949</v>
      </c>
      <c r="J91" s="33">
        <v>388</v>
      </c>
      <c r="K91" s="34">
        <v>1</v>
      </c>
      <c r="L91" s="35">
        <v>0</v>
      </c>
      <c r="M91" s="35">
        <v>1</v>
      </c>
      <c r="N91" s="36">
        <v>0</v>
      </c>
    </row>
    <row r="92" spans="1:14" ht="23.1" customHeight="1" x14ac:dyDescent="0.2">
      <c r="A92" s="37">
        <v>602</v>
      </c>
      <c r="B92" s="38" t="s">
        <v>96</v>
      </c>
      <c r="C92" s="28">
        <v>120</v>
      </c>
      <c r="D92" s="29">
        <v>142</v>
      </c>
      <c r="E92" s="29">
        <v>262</v>
      </c>
      <c r="F92" s="30">
        <v>117</v>
      </c>
      <c r="G92" s="31">
        <v>120</v>
      </c>
      <c r="H92" s="32">
        <v>141</v>
      </c>
      <c r="I92" s="32">
        <v>261</v>
      </c>
      <c r="J92" s="33">
        <v>117</v>
      </c>
      <c r="K92" s="34">
        <v>0</v>
      </c>
      <c r="L92" s="35">
        <v>-1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7</v>
      </c>
      <c r="C93" s="41">
        <v>583</v>
      </c>
      <c r="D93" s="42">
        <v>627</v>
      </c>
      <c r="E93" s="42">
        <v>1210</v>
      </c>
      <c r="F93" s="43">
        <v>505</v>
      </c>
      <c r="G93" s="44">
        <v>584</v>
      </c>
      <c r="H93" s="45">
        <v>626</v>
      </c>
      <c r="I93" s="45">
        <v>1210</v>
      </c>
      <c r="J93" s="46">
        <v>505</v>
      </c>
      <c r="K93" s="47">
        <v>1</v>
      </c>
      <c r="L93" s="48">
        <v>-1</v>
      </c>
      <c r="M93" s="48">
        <v>0</v>
      </c>
      <c r="N93" s="49">
        <v>0</v>
      </c>
    </row>
    <row r="94" spans="1:14" ht="23.1" customHeight="1" x14ac:dyDescent="0.2">
      <c r="A94" s="50"/>
      <c r="B94" s="51" t="s">
        <v>98</v>
      </c>
      <c r="C94" s="52">
        <v>200711</v>
      </c>
      <c r="D94" s="53">
        <v>210791</v>
      </c>
      <c r="E94" s="53">
        <v>411502</v>
      </c>
      <c r="F94" s="54">
        <v>182378</v>
      </c>
      <c r="G94" s="55">
        <v>200531</v>
      </c>
      <c r="H94" s="56">
        <v>210691</v>
      </c>
      <c r="I94" s="56">
        <v>411222</v>
      </c>
      <c r="J94" s="57">
        <v>182338</v>
      </c>
      <c r="K94" s="58">
        <v>-180</v>
      </c>
      <c r="L94" s="59">
        <v>-100</v>
      </c>
      <c r="M94" s="59">
        <v>-280</v>
      </c>
      <c r="N94" s="60">
        <v>-40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1-06T23:51:01Z</dcterms:created>
  <dcterms:modified xsi:type="dcterms:W3CDTF">2022-01-06T23:51:03Z</dcterms:modified>
</cp:coreProperties>
</file>